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47D0F28C-882E-462E-9703-87C10A6AB435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113" uniqueCount="9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กลุ่มผู้ผลิตข้าวหอมปทุมธานี </t>
  </si>
  <si>
    <t>บริษัท  เจนเทิ่ลวิน  จำกัด</t>
  </si>
  <si>
    <t>บริษัท</t>
  </si>
  <si>
    <t>วิสาหกิจชุมชน  กลุ่มเกษตรอินทรีย์บ้านข่อยสูง</t>
  </si>
  <si>
    <t>บริษัท ภูแก้วสมุนไพร จำกัด</t>
  </si>
  <si>
    <t>วิสาหกิจชุมชนกลุ่มส่งเสริมอาชีพ บ้านเหม้า</t>
  </si>
  <si>
    <t>กลุ่มแปรรูปผ้าบ้านสวนปอ</t>
  </si>
  <si>
    <t>บริษัท ซี.เค.อินดัสทรี่ ( 2000 ) จำกัด</t>
  </si>
  <si>
    <t>ห้างหุ้นส่วนจำกัด น่านดูโอคอฟฟี่</t>
  </si>
  <si>
    <t>บริษัท พสุธารา  จำกัด</t>
  </si>
  <si>
    <t>วิสาหกิจชุมชนกลุ่มสันมหาพนสมุนไพรอินทรีย์</t>
  </si>
  <si>
    <t>บจก. ประชารัฐรักสามัคคีประจวบคีรีขันธ์ (วิสาหกิจเพื่อสังคม)</t>
  </si>
  <si>
    <t xml:space="preserve">กลุ่มสบู่ตาลโตนด  โหนด-นา-เล </t>
  </si>
  <si>
    <t>วิสาหกิจชุมชนพะเยาเวลเนส</t>
  </si>
  <si>
    <t>พี่ตู่ สิทธิพล , (MD)</t>
  </si>
  <si>
    <t xml:space="preserve">นางชญานิน  มั่นอิ่ม </t>
  </si>
  <si>
    <t>นางกอบแก้ว  ระวิเรือง</t>
  </si>
  <si>
    <t>นางสมหวัง  ทองวิชิต</t>
  </si>
  <si>
    <t>น้องชมพู่</t>
  </si>
  <si>
    <t>นายจรัส สุทธิกุลบุตร</t>
  </si>
  <si>
    <t xml:space="preserve">คุณทองสุข สีลิต ม.5 ตำบลบึงกาสาม อำบลหนองเสือ  จังหวัดปทุมธานี </t>
  </si>
  <si>
    <t xml:space="preserve">91/3  หมู่4  ตำบลคีรีราษฎร์  อำเภอพบพระ  จังหวัดตาก  </t>
  </si>
  <si>
    <t>9 หมู่.7  ตำบลข่อยสูง  อำเภอตรอน  จังหวัดอุตรดิคถ์</t>
  </si>
  <si>
    <t xml:space="preserve">34/3 หมู่ 6  ตำบลปากคลอง  อำเภอปะทิว จังหวัดชุมพร	</t>
  </si>
  <si>
    <t>189 หมู่ที่ 7 บ้านเหม้า  ตำบลสระคู  อำเภอสุวรรณภูมิ  จังหวัดร้อยเอ็ด</t>
  </si>
  <si>
    <t xml:space="preserve">หมู่ 6  ตำบลหนองแคน  อำเภอปทุมรัตต์  จังหวัดร้อยเอ็ด	</t>
  </si>
  <si>
    <t xml:space="preserve">83 หมู่ 7 ตำบลเกาะสำโรง อำเภอเมือง จังหวัดกาญจนบุรี </t>
  </si>
  <si>
    <t xml:space="preserve">258 หมู่ 2 ตำบลนาซาว อำเภอเมืองน่าน จังหวัดน่าน </t>
  </si>
  <si>
    <t xml:space="preserve">317  หมู่ 1 ตำบลตะนาวศรี  อำเภอสวนผึ้ง  จังหวัดราชบุรี </t>
  </si>
  <si>
    <t xml:space="preserve">37 หมู่ 4  ตำบลสันมหาพน  อำเภอแม่แตง  จังหวัดเชียงใหม่	</t>
  </si>
  <si>
    <t xml:space="preserve">1 ถนนก้องเกียรติ ต.ประจวบคีรีขันธ์  อ.เมืองประจวบคีรีขันธ์  จ.ประจวบคีรีขันธ์	</t>
  </si>
  <si>
    <t xml:space="preserve">11/4  หมู่ที่ 7 ตำบลท่าหิน อำเภอสทิงพระ จังหวัดสงขลา </t>
  </si>
  <si>
    <t xml:space="preserve">516  ถนนพหลโยธิน  อำเภอเมือง  จังหวัดพะเยา  </t>
  </si>
  <si>
    <t>ปทุมธานี</t>
  </si>
  <si>
    <t>ตาก</t>
  </si>
  <si>
    <t>อุตรดิคถ์</t>
  </si>
  <si>
    <t>ชุมพร</t>
  </si>
  <si>
    <t>ร้อยเอ็ด</t>
  </si>
  <si>
    <t>กาญจนบุรี</t>
  </si>
  <si>
    <t>น่าน</t>
  </si>
  <si>
    <t>ราชบุรี</t>
  </si>
  <si>
    <t>เชียงใหม่</t>
  </si>
  <si>
    <t>ประจวบคีรีขันธ์</t>
  </si>
  <si>
    <t>สงขลา</t>
  </si>
  <si>
    <t>พะเยา</t>
  </si>
  <si>
    <t xml:space="preserve">089-082-5346
081-902-5224 </t>
  </si>
  <si>
    <t>094-282-3962</t>
  </si>
  <si>
    <t>089-562-3013 093-137-6984</t>
  </si>
  <si>
    <t>086-061-8901</t>
  </si>
  <si>
    <t>062-560-4770</t>
  </si>
  <si>
    <t>089-862-5512</t>
  </si>
  <si>
    <t>081-944-5839 086-287-3882</t>
  </si>
  <si>
    <t>054-718929 09-8749-0135</t>
  </si>
  <si>
    <t>083-060-7557
092 254 4199 086-087-8006</t>
  </si>
  <si>
    <t>089-899-9546
053-471646</t>
  </si>
  <si>
    <t>062-597-1997</t>
  </si>
  <si>
    <t>081-275-7156</t>
  </si>
  <si>
    <t>063-416-3549</t>
  </si>
  <si>
    <t>089-562-3013</t>
  </si>
  <si>
    <t>081-944-5839</t>
  </si>
  <si>
    <t>09-8749-0135</t>
  </si>
  <si>
    <t>092-254-4199</t>
  </si>
  <si>
    <t>@gathong</t>
  </si>
  <si>
    <t>Much by Romklao</t>
  </si>
  <si>
    <t>ข้าว กลุ่มเกษตรกรอินทรีย์บ้านข่อยสูง</t>
  </si>
  <si>
    <t>ภูแก้วสมุนไพรน้ำมันมะพร้าว</t>
  </si>
  <si>
    <t>สมหวัง ทองวิชิต</t>
  </si>
  <si>
    <t>Kanchana Organic Mulberry Tea : 0819445839</t>
  </si>
  <si>
    <t>ภูมิใจ๋ คอฟฟี่</t>
  </si>
  <si>
    <t>Pasutara พสุธารา</t>
  </si>
  <si>
    <t>ศูนย์จำหน่าย ชาผักเชียงดา ตรากาทอง สมุนไพรรักษาเบาหวาน เชียงใหม่</t>
  </si>
  <si>
    <t>NODE NA LE</t>
  </si>
  <si>
    <t>พะเยาเวลเนส</t>
  </si>
  <si>
    <t>muchbyromklao@gmail.com</t>
  </si>
  <si>
    <t>ck_tea@hotmail.com</t>
  </si>
  <si>
    <t>pasutara.thailand@gmail.com</t>
  </si>
  <si>
    <t>chiangda.gt@gmail.com</t>
  </si>
  <si>
    <t>spkeng2000@yahoo.com</t>
  </si>
  <si>
    <t>http://www.ckindustry.co.th</t>
  </si>
  <si>
    <t>http://gathong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u/>
      <sz val="10"/>
      <color theme="10"/>
      <name val="Helvetica Neue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color rgb="FF222222"/>
      <name val="Arial"/>
      <family val="2"/>
    </font>
    <font>
      <sz val="12"/>
      <color theme="1" tint="0.14993743705557422"/>
      <name val="Helvetica Neue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>
      <alignment vertical="top" wrapText="1"/>
    </xf>
  </cellStyleXfs>
  <cellXfs count="17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4" fillId="4" borderId="7" xfId="0" applyNumberFormat="1" applyFont="1" applyFill="1" applyBorder="1" applyAlignment="1">
      <alignment vertical="center"/>
    </xf>
    <xf numFmtId="49" fontId="1" fillId="2" borderId="5" xfId="0" applyNumberFormat="1" applyFont="1" applyFill="1" applyBorder="1" applyAlignment="1">
      <alignment vertical="top" wrapText="1"/>
    </xf>
    <xf numFmtId="0" fontId="4" fillId="5" borderId="7" xfId="0" applyNumberFormat="1" applyFont="1" applyFill="1" applyBorder="1" applyAlignment="1">
      <alignment vertical="center"/>
    </xf>
    <xf numFmtId="0" fontId="4" fillId="5" borderId="7" xfId="0" applyNumberFormat="1" applyFont="1" applyFill="1" applyBorder="1" applyAlignment="1">
      <alignment vertical="center" wrapText="1"/>
    </xf>
    <xf numFmtId="0" fontId="4" fillId="5" borderId="8" xfId="0" applyNumberFormat="1" applyFont="1" applyFill="1" applyBorder="1" applyAlignment="1">
      <alignment vertical="center"/>
    </xf>
    <xf numFmtId="49" fontId="1" fillId="2" borderId="6" xfId="0" applyNumberFormat="1" applyFont="1" applyFill="1" applyBorder="1" applyAlignment="1">
      <alignment vertical="top" wrapText="1"/>
    </xf>
    <xf numFmtId="0" fontId="5" fillId="0" borderId="0" xfId="0" applyFont="1" applyAlignment="1">
      <alignment vertical="top" wrapText="1"/>
    </xf>
    <xf numFmtId="0" fontId="6" fillId="5" borderId="8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gath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6"/>
  <sheetViews>
    <sheetView showGridLines="0" tabSelected="1" topLeftCell="C1" workbookViewId="0">
      <selection activeCell="H21" sqref="H21"/>
    </sheetView>
  </sheetViews>
  <sheetFormatPr defaultColWidth="16.36328125" defaultRowHeight="19.899999999999999" customHeight="1"/>
  <cols>
    <col min="1" max="1" width="64.453125" style="4" bestFit="1" customWidth="1"/>
    <col min="2" max="2" width="17.179687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22" customHeight="1">
      <c r="A4" s="9" t="s">
        <v>14</v>
      </c>
      <c r="B4" s="10" t="s">
        <v>13</v>
      </c>
      <c r="C4" s="11" t="s">
        <v>28</v>
      </c>
      <c r="D4" s="11" t="s">
        <v>34</v>
      </c>
      <c r="E4" s="11">
        <v>12170</v>
      </c>
      <c r="F4" s="11" t="s">
        <v>47</v>
      </c>
      <c r="G4" s="12" t="s">
        <v>59</v>
      </c>
      <c r="H4" s="12" t="s">
        <v>59</v>
      </c>
      <c r="I4" s="11"/>
      <c r="J4" s="11"/>
      <c r="K4" s="13"/>
    </row>
    <row r="5" spans="1:11" ht="20" customHeight="1">
      <c r="A5" s="9" t="s">
        <v>15</v>
      </c>
      <c r="B5" s="14" t="s">
        <v>16</v>
      </c>
      <c r="C5" s="11"/>
      <c r="D5" s="11" t="s">
        <v>35</v>
      </c>
      <c r="E5" s="11">
        <v>63160</v>
      </c>
      <c r="F5" s="11" t="s">
        <v>48</v>
      </c>
      <c r="G5" s="11" t="s">
        <v>60</v>
      </c>
      <c r="H5" s="11" t="s">
        <v>60</v>
      </c>
      <c r="I5" s="11" t="s">
        <v>77</v>
      </c>
      <c r="J5" s="11" t="s">
        <v>87</v>
      </c>
      <c r="K5" s="13"/>
    </row>
    <row r="6" spans="1:11" ht="20" customHeight="1">
      <c r="A6" s="9" t="s">
        <v>17</v>
      </c>
      <c r="B6" s="14" t="s">
        <v>13</v>
      </c>
      <c r="C6" s="11" t="s">
        <v>29</v>
      </c>
      <c r="D6" s="11" t="s">
        <v>36</v>
      </c>
      <c r="E6" s="11"/>
      <c r="F6" s="11" t="s">
        <v>49</v>
      </c>
      <c r="G6" s="12" t="s">
        <v>61</v>
      </c>
      <c r="H6" s="11" t="s">
        <v>72</v>
      </c>
      <c r="I6" s="11" t="s">
        <v>78</v>
      </c>
      <c r="J6" s="11"/>
      <c r="K6" s="13"/>
    </row>
    <row r="7" spans="1:11" ht="20" customHeight="1">
      <c r="A7" s="9" t="s">
        <v>18</v>
      </c>
      <c r="B7" s="14" t="s">
        <v>16</v>
      </c>
      <c r="C7" s="11"/>
      <c r="D7" s="11" t="s">
        <v>37</v>
      </c>
      <c r="E7" s="11">
        <v>86210</v>
      </c>
      <c r="F7" s="11" t="s">
        <v>50</v>
      </c>
      <c r="G7" s="11" t="s">
        <v>62</v>
      </c>
      <c r="H7" s="11" t="s">
        <v>62</v>
      </c>
      <c r="I7" s="11" t="s">
        <v>79</v>
      </c>
      <c r="J7" s="11"/>
      <c r="K7" s="13"/>
    </row>
    <row r="8" spans="1:11" ht="20" customHeight="1">
      <c r="A8" s="9" t="s">
        <v>19</v>
      </c>
      <c r="B8" s="14" t="s">
        <v>13</v>
      </c>
      <c r="C8" s="11" t="s">
        <v>30</v>
      </c>
      <c r="D8" s="11" t="s">
        <v>38</v>
      </c>
      <c r="E8" s="11">
        <v>45130</v>
      </c>
      <c r="F8" s="11" t="s">
        <v>51</v>
      </c>
      <c r="G8" s="11" t="s">
        <v>63</v>
      </c>
      <c r="H8" s="11" t="s">
        <v>63</v>
      </c>
      <c r="I8" s="11"/>
      <c r="J8" s="11"/>
      <c r="K8" s="13"/>
    </row>
    <row r="9" spans="1:11" ht="20" customHeight="1">
      <c r="A9" s="9" t="s">
        <v>20</v>
      </c>
      <c r="B9" s="14" t="s">
        <v>13</v>
      </c>
      <c r="C9" s="11" t="s">
        <v>31</v>
      </c>
      <c r="D9" s="11" t="s">
        <v>39</v>
      </c>
      <c r="E9" s="11">
        <v>45109</v>
      </c>
      <c r="F9" s="11" t="s">
        <v>51</v>
      </c>
      <c r="G9" s="11" t="s">
        <v>64</v>
      </c>
      <c r="H9" s="11" t="s">
        <v>64</v>
      </c>
      <c r="I9" s="11" t="s">
        <v>80</v>
      </c>
      <c r="J9" s="11"/>
      <c r="K9" s="13"/>
    </row>
    <row r="10" spans="1:11" ht="20" customHeight="1">
      <c r="A10" s="9" t="s">
        <v>21</v>
      </c>
      <c r="B10" s="14" t="s">
        <v>16</v>
      </c>
      <c r="C10" s="11"/>
      <c r="D10" s="11" t="s">
        <v>40</v>
      </c>
      <c r="E10" s="11">
        <v>71000</v>
      </c>
      <c r="F10" s="11" t="s">
        <v>52</v>
      </c>
      <c r="G10" s="12" t="s">
        <v>65</v>
      </c>
      <c r="H10" s="11" t="s">
        <v>73</v>
      </c>
      <c r="I10" s="12" t="s">
        <v>81</v>
      </c>
      <c r="J10" s="11" t="s">
        <v>88</v>
      </c>
      <c r="K10" s="13" t="s">
        <v>92</v>
      </c>
    </row>
    <row r="11" spans="1:11" ht="20" customHeight="1">
      <c r="A11" s="9" t="s">
        <v>22</v>
      </c>
      <c r="B11" s="14" t="s">
        <v>16</v>
      </c>
      <c r="C11" s="11"/>
      <c r="D11" s="11" t="s">
        <v>41</v>
      </c>
      <c r="E11" s="11">
        <v>55000</v>
      </c>
      <c r="F11" s="11" t="s">
        <v>53</v>
      </c>
      <c r="G11" s="12" t="s">
        <v>66</v>
      </c>
      <c r="H11" s="12" t="s">
        <v>74</v>
      </c>
      <c r="I11" s="11" t="s">
        <v>82</v>
      </c>
      <c r="J11" s="11"/>
      <c r="K11" s="13"/>
    </row>
    <row r="12" spans="1:11" ht="20" customHeight="1">
      <c r="A12" s="9" t="s">
        <v>23</v>
      </c>
      <c r="B12" s="14" t="s">
        <v>16</v>
      </c>
      <c r="C12" s="11" t="s">
        <v>32</v>
      </c>
      <c r="D12" s="11" t="s">
        <v>42</v>
      </c>
      <c r="E12" s="15">
        <v>70180</v>
      </c>
      <c r="F12" s="11" t="s">
        <v>54</v>
      </c>
      <c r="G12" s="12" t="s">
        <v>67</v>
      </c>
      <c r="H12" s="11" t="s">
        <v>75</v>
      </c>
      <c r="I12" s="11" t="s">
        <v>83</v>
      </c>
      <c r="J12" s="11" t="s">
        <v>89</v>
      </c>
      <c r="K12" s="13"/>
    </row>
    <row r="13" spans="1:11" ht="20" customHeight="1">
      <c r="A13" s="9" t="s">
        <v>24</v>
      </c>
      <c r="B13" s="14" t="s">
        <v>13</v>
      </c>
      <c r="C13" s="11"/>
      <c r="D13" s="11" t="s">
        <v>43</v>
      </c>
      <c r="E13" s="11">
        <v>50150</v>
      </c>
      <c r="F13" s="11" t="s">
        <v>55</v>
      </c>
      <c r="G13" s="12" t="s">
        <v>68</v>
      </c>
      <c r="H13" s="11" t="s">
        <v>76</v>
      </c>
      <c r="I13" s="11" t="s">
        <v>84</v>
      </c>
      <c r="J13" s="11" t="s">
        <v>90</v>
      </c>
      <c r="K13" s="16" t="s">
        <v>93</v>
      </c>
    </row>
    <row r="14" spans="1:11" ht="20" customHeight="1">
      <c r="A14" s="9" t="s">
        <v>25</v>
      </c>
      <c r="B14" s="14" t="s">
        <v>16</v>
      </c>
      <c r="C14" s="11"/>
      <c r="D14" s="11" t="s">
        <v>44</v>
      </c>
      <c r="E14" s="11">
        <v>77000</v>
      </c>
      <c r="F14" s="11" t="s">
        <v>56</v>
      </c>
      <c r="G14" s="11" t="s">
        <v>69</v>
      </c>
      <c r="H14" s="11"/>
      <c r="I14" s="11"/>
      <c r="J14" s="11"/>
      <c r="K14" s="13"/>
    </row>
    <row r="15" spans="1:11" ht="19.899999999999999" customHeight="1">
      <c r="A15" s="9" t="s">
        <v>26</v>
      </c>
      <c r="B15" s="4" t="s">
        <v>13</v>
      </c>
      <c r="C15" s="11"/>
      <c r="D15" s="11" t="s">
        <v>45</v>
      </c>
      <c r="E15" s="11">
        <v>90190</v>
      </c>
      <c r="F15" s="11" t="s">
        <v>57</v>
      </c>
      <c r="G15" s="11" t="s">
        <v>70</v>
      </c>
      <c r="H15" s="11" t="s">
        <v>70</v>
      </c>
      <c r="I15" s="11" t="s">
        <v>85</v>
      </c>
      <c r="J15" s="11"/>
      <c r="K15" s="13"/>
    </row>
    <row r="16" spans="1:11" ht="19.899999999999999" customHeight="1">
      <c r="A16" s="9" t="s">
        <v>27</v>
      </c>
      <c r="B16" s="4" t="s">
        <v>13</v>
      </c>
      <c r="C16" s="11" t="s">
        <v>33</v>
      </c>
      <c r="D16" s="11" t="s">
        <v>46</v>
      </c>
      <c r="E16" s="11">
        <v>56000</v>
      </c>
      <c r="F16" s="11" t="s">
        <v>58</v>
      </c>
      <c r="G16" s="11" t="s">
        <v>71</v>
      </c>
      <c r="H16" s="11" t="s">
        <v>71</v>
      </c>
      <c r="I16" s="11" t="s">
        <v>86</v>
      </c>
      <c r="J16" s="11" t="s">
        <v>91</v>
      </c>
      <c r="K16" s="13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1D5C1AC4-DF09-4908-81A8-2C3E980A77D8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5:06:54Z</dcterms:modified>
</cp:coreProperties>
</file>